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6\HP2006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6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503</v>
      </c>
      <c r="C5" s="11">
        <v>1350</v>
      </c>
      <c r="D5" s="12">
        <v>2853</v>
      </c>
    </row>
    <row r="6" spans="1:4" ht="18" customHeight="1" x14ac:dyDescent="0.2">
      <c r="A6" s="13">
        <v>1</v>
      </c>
      <c r="B6" s="14">
        <v>1496</v>
      </c>
      <c r="C6" s="15">
        <v>1486</v>
      </c>
      <c r="D6" s="16">
        <v>2982</v>
      </c>
    </row>
    <row r="7" spans="1:4" ht="18" customHeight="1" x14ac:dyDescent="0.2">
      <c r="A7" s="13">
        <v>2</v>
      </c>
      <c r="B7" s="14">
        <v>1545</v>
      </c>
      <c r="C7" s="15">
        <v>1478</v>
      </c>
      <c r="D7" s="16">
        <v>3023</v>
      </c>
    </row>
    <row r="8" spans="1:4" ht="18" customHeight="1" x14ac:dyDescent="0.2">
      <c r="A8" s="13">
        <v>3</v>
      </c>
      <c r="B8" s="14">
        <v>1612</v>
      </c>
      <c r="C8" s="15">
        <v>1507</v>
      </c>
      <c r="D8" s="16">
        <v>3119</v>
      </c>
    </row>
    <row r="9" spans="1:4" ht="18" customHeight="1" x14ac:dyDescent="0.2">
      <c r="A9" s="13">
        <v>4</v>
      </c>
      <c r="B9" s="14">
        <v>1686</v>
      </c>
      <c r="C9" s="15">
        <v>1585</v>
      </c>
      <c r="D9" s="16">
        <v>3271</v>
      </c>
    </row>
    <row r="10" spans="1:4" ht="18" customHeight="1" x14ac:dyDescent="0.2">
      <c r="A10" s="13" t="s">
        <v>6</v>
      </c>
      <c r="B10" s="17">
        <v>7842</v>
      </c>
      <c r="C10" s="18">
        <v>7406</v>
      </c>
      <c r="D10" s="19">
        <v>15248</v>
      </c>
    </row>
    <row r="11" spans="1:4" ht="18" customHeight="1" x14ac:dyDescent="0.2">
      <c r="A11" s="13">
        <v>5</v>
      </c>
      <c r="B11" s="17">
        <v>1639</v>
      </c>
      <c r="C11" s="18">
        <v>1562</v>
      </c>
      <c r="D11" s="19">
        <v>3201</v>
      </c>
    </row>
    <row r="12" spans="1:4" ht="18" customHeight="1" x14ac:dyDescent="0.2">
      <c r="A12" s="13">
        <v>6</v>
      </c>
      <c r="B12" s="17">
        <v>1610</v>
      </c>
      <c r="C12" s="18">
        <v>1626</v>
      </c>
      <c r="D12" s="19">
        <v>3236</v>
      </c>
    </row>
    <row r="13" spans="1:4" ht="18" customHeight="1" x14ac:dyDescent="0.2">
      <c r="A13" s="13">
        <v>7</v>
      </c>
      <c r="B13" s="17">
        <v>1647</v>
      </c>
      <c r="C13" s="18">
        <v>1569</v>
      </c>
      <c r="D13" s="19">
        <v>3216</v>
      </c>
    </row>
    <row r="14" spans="1:4" ht="18" customHeight="1" x14ac:dyDescent="0.2">
      <c r="A14" s="13">
        <v>8</v>
      </c>
      <c r="B14" s="17">
        <v>1708</v>
      </c>
      <c r="C14" s="18">
        <v>1662</v>
      </c>
      <c r="D14" s="19">
        <v>3370</v>
      </c>
    </row>
    <row r="15" spans="1:4" ht="18" customHeight="1" x14ac:dyDescent="0.2">
      <c r="A15" s="13">
        <v>9</v>
      </c>
      <c r="B15" s="17">
        <v>1807</v>
      </c>
      <c r="C15" s="18">
        <v>1572</v>
      </c>
      <c r="D15" s="19">
        <v>3379</v>
      </c>
    </row>
    <row r="16" spans="1:4" ht="18" customHeight="1" x14ac:dyDescent="0.2">
      <c r="A16" s="13" t="s">
        <v>7</v>
      </c>
      <c r="B16" s="17">
        <v>8411</v>
      </c>
      <c r="C16" s="18">
        <v>7991</v>
      </c>
      <c r="D16" s="19">
        <v>16402</v>
      </c>
    </row>
    <row r="17" spans="1:4" ht="18" customHeight="1" x14ac:dyDescent="0.2">
      <c r="A17" s="13">
        <v>10</v>
      </c>
      <c r="B17" s="17">
        <v>1795</v>
      </c>
      <c r="C17" s="18">
        <v>1710</v>
      </c>
      <c r="D17" s="19">
        <v>3505</v>
      </c>
    </row>
    <row r="18" spans="1:4" ht="18" customHeight="1" x14ac:dyDescent="0.2">
      <c r="A18" s="13">
        <v>11</v>
      </c>
      <c r="B18" s="17">
        <v>1843</v>
      </c>
      <c r="C18" s="18">
        <v>1685</v>
      </c>
      <c r="D18" s="19">
        <v>3528</v>
      </c>
    </row>
    <row r="19" spans="1:4" ht="18" customHeight="1" x14ac:dyDescent="0.2">
      <c r="A19" s="13">
        <v>12</v>
      </c>
      <c r="B19" s="17">
        <v>1793</v>
      </c>
      <c r="C19" s="18">
        <v>1761</v>
      </c>
      <c r="D19" s="19">
        <v>3554</v>
      </c>
    </row>
    <row r="20" spans="1:4" ht="18" customHeight="1" x14ac:dyDescent="0.2">
      <c r="A20" s="13">
        <v>13</v>
      </c>
      <c r="B20" s="17">
        <v>1812</v>
      </c>
      <c r="C20" s="18">
        <v>1784</v>
      </c>
      <c r="D20" s="19">
        <v>3596</v>
      </c>
    </row>
    <row r="21" spans="1:4" ht="18" customHeight="1" x14ac:dyDescent="0.2">
      <c r="A21" s="13">
        <v>14</v>
      </c>
      <c r="B21" s="17">
        <v>1897</v>
      </c>
      <c r="C21" s="18">
        <v>1733</v>
      </c>
      <c r="D21" s="19">
        <v>3630</v>
      </c>
    </row>
    <row r="22" spans="1:4" ht="18" customHeight="1" x14ac:dyDescent="0.2">
      <c r="A22" s="13" t="s">
        <v>8</v>
      </c>
      <c r="B22" s="17">
        <v>9140</v>
      </c>
      <c r="C22" s="18">
        <v>8673</v>
      </c>
      <c r="D22" s="19">
        <v>17813</v>
      </c>
    </row>
    <row r="23" spans="1:4" ht="18" customHeight="1" x14ac:dyDescent="0.2">
      <c r="A23" s="13" t="s">
        <v>9</v>
      </c>
      <c r="B23" s="17">
        <v>25393</v>
      </c>
      <c r="C23" s="18">
        <v>24070</v>
      </c>
      <c r="D23" s="19">
        <v>49463</v>
      </c>
    </row>
    <row r="24" spans="1:4" ht="18" customHeight="1" x14ac:dyDescent="0.2">
      <c r="A24" s="13">
        <v>15</v>
      </c>
      <c r="B24" s="17">
        <v>1922</v>
      </c>
      <c r="C24" s="18">
        <v>1817</v>
      </c>
      <c r="D24" s="19">
        <v>3739</v>
      </c>
    </row>
    <row r="25" spans="1:4" ht="18" customHeight="1" x14ac:dyDescent="0.2">
      <c r="A25" s="13">
        <v>16</v>
      </c>
      <c r="B25" s="17">
        <v>1919</v>
      </c>
      <c r="C25" s="18">
        <v>1898</v>
      </c>
      <c r="D25" s="19">
        <v>3817</v>
      </c>
    </row>
    <row r="26" spans="1:4" ht="18" customHeight="1" x14ac:dyDescent="0.2">
      <c r="A26" s="13">
        <v>17</v>
      </c>
      <c r="B26" s="17">
        <v>1941</v>
      </c>
      <c r="C26" s="18">
        <v>1823</v>
      </c>
      <c r="D26" s="19">
        <v>3764</v>
      </c>
    </row>
    <row r="27" spans="1:4" ht="18" customHeight="1" x14ac:dyDescent="0.2">
      <c r="A27" s="13">
        <v>18</v>
      </c>
      <c r="B27" s="17">
        <v>2093</v>
      </c>
      <c r="C27" s="18">
        <v>1905</v>
      </c>
      <c r="D27" s="19">
        <v>3998</v>
      </c>
    </row>
    <row r="28" spans="1:4" ht="18" customHeight="1" x14ac:dyDescent="0.2">
      <c r="A28" s="13">
        <v>19</v>
      </c>
      <c r="B28" s="17">
        <v>2125</v>
      </c>
      <c r="C28" s="18">
        <v>1960</v>
      </c>
      <c r="D28" s="19">
        <v>4085</v>
      </c>
    </row>
    <row r="29" spans="1:4" ht="18" customHeight="1" x14ac:dyDescent="0.2">
      <c r="A29" s="13" t="s">
        <v>10</v>
      </c>
      <c r="B29" s="17">
        <v>10000</v>
      </c>
      <c r="C29" s="18">
        <v>9403</v>
      </c>
      <c r="D29" s="19">
        <v>19403</v>
      </c>
    </row>
    <row r="30" spans="1:4" ht="18" customHeight="1" x14ac:dyDescent="0.2">
      <c r="A30" s="13">
        <v>20</v>
      </c>
      <c r="B30" s="17">
        <v>2141</v>
      </c>
      <c r="C30" s="18">
        <v>1951</v>
      </c>
      <c r="D30" s="19">
        <v>4092</v>
      </c>
    </row>
    <row r="31" spans="1:4" ht="18" customHeight="1" x14ac:dyDescent="0.2">
      <c r="A31" s="13">
        <v>21</v>
      </c>
      <c r="B31" s="17">
        <v>2134</v>
      </c>
      <c r="C31" s="18">
        <v>1941</v>
      </c>
      <c r="D31" s="19">
        <v>4075</v>
      </c>
    </row>
    <row r="32" spans="1:4" ht="18" customHeight="1" x14ac:dyDescent="0.2">
      <c r="A32" s="13">
        <v>22</v>
      </c>
      <c r="B32" s="17">
        <v>2153</v>
      </c>
      <c r="C32" s="18">
        <v>1832</v>
      </c>
      <c r="D32" s="19">
        <v>3985</v>
      </c>
    </row>
    <row r="33" spans="1:4" ht="18" customHeight="1" x14ac:dyDescent="0.2">
      <c r="A33" s="13">
        <v>23</v>
      </c>
      <c r="B33" s="17">
        <v>2146</v>
      </c>
      <c r="C33" s="18">
        <v>1875</v>
      </c>
      <c r="D33" s="19">
        <v>4021</v>
      </c>
    </row>
    <row r="34" spans="1:4" ht="18" customHeight="1" x14ac:dyDescent="0.2">
      <c r="A34" s="13">
        <v>24</v>
      </c>
      <c r="B34" s="17">
        <v>2221</v>
      </c>
      <c r="C34" s="18">
        <v>1804</v>
      </c>
      <c r="D34" s="19">
        <v>4025</v>
      </c>
    </row>
    <row r="35" spans="1:4" ht="18" customHeight="1" x14ac:dyDescent="0.2">
      <c r="A35" s="13" t="s">
        <v>11</v>
      </c>
      <c r="B35" s="17">
        <v>10795</v>
      </c>
      <c r="C35" s="18">
        <v>9403</v>
      </c>
      <c r="D35" s="19">
        <v>20198</v>
      </c>
    </row>
    <row r="36" spans="1:4" ht="18" customHeight="1" x14ac:dyDescent="0.2">
      <c r="A36" s="13">
        <v>25</v>
      </c>
      <c r="B36" s="17">
        <v>2175</v>
      </c>
      <c r="C36" s="18">
        <v>1925</v>
      </c>
      <c r="D36" s="19">
        <v>4100</v>
      </c>
    </row>
    <row r="37" spans="1:4" ht="18" customHeight="1" x14ac:dyDescent="0.2">
      <c r="A37" s="13">
        <v>26</v>
      </c>
      <c r="B37" s="17">
        <v>2098</v>
      </c>
      <c r="C37" s="18">
        <v>1897</v>
      </c>
      <c r="D37" s="19">
        <v>3995</v>
      </c>
    </row>
    <row r="38" spans="1:4" ht="18" customHeight="1" x14ac:dyDescent="0.2">
      <c r="A38" s="13">
        <v>27</v>
      </c>
      <c r="B38" s="17">
        <v>2040</v>
      </c>
      <c r="C38" s="18">
        <v>1815</v>
      </c>
      <c r="D38" s="19">
        <v>3855</v>
      </c>
    </row>
    <row r="39" spans="1:4" ht="18" customHeight="1" x14ac:dyDescent="0.2">
      <c r="A39" s="13">
        <v>28</v>
      </c>
      <c r="B39" s="17">
        <v>2049</v>
      </c>
      <c r="C39" s="18">
        <v>1888</v>
      </c>
      <c r="D39" s="19">
        <v>3937</v>
      </c>
    </row>
    <row r="40" spans="1:4" ht="18" customHeight="1" x14ac:dyDescent="0.2">
      <c r="A40" s="13">
        <v>29</v>
      </c>
      <c r="B40" s="17">
        <v>2160</v>
      </c>
      <c r="C40" s="18">
        <v>1790</v>
      </c>
      <c r="D40" s="19">
        <v>3950</v>
      </c>
    </row>
    <row r="41" spans="1:4" ht="18" customHeight="1" x14ac:dyDescent="0.2">
      <c r="A41" s="13" t="s">
        <v>12</v>
      </c>
      <c r="B41" s="17">
        <v>10522</v>
      </c>
      <c r="C41" s="18">
        <v>9315</v>
      </c>
      <c r="D41" s="19">
        <v>19837</v>
      </c>
    </row>
    <row r="42" spans="1:4" ht="18" customHeight="1" x14ac:dyDescent="0.2">
      <c r="A42" s="13">
        <v>30</v>
      </c>
      <c r="B42" s="17">
        <v>2135</v>
      </c>
      <c r="C42" s="18">
        <v>1865</v>
      </c>
      <c r="D42" s="19">
        <v>4000</v>
      </c>
    </row>
    <row r="43" spans="1:4" ht="18" customHeight="1" x14ac:dyDescent="0.2">
      <c r="A43" s="13">
        <v>31</v>
      </c>
      <c r="B43" s="17">
        <v>2203</v>
      </c>
      <c r="C43" s="18">
        <v>1946</v>
      </c>
      <c r="D43" s="19">
        <v>4149</v>
      </c>
    </row>
    <row r="44" spans="1:4" ht="18" customHeight="1" x14ac:dyDescent="0.2">
      <c r="A44" s="13">
        <v>32</v>
      </c>
      <c r="B44" s="17">
        <v>2147</v>
      </c>
      <c r="C44" s="18">
        <v>1944</v>
      </c>
      <c r="D44" s="19">
        <v>4091</v>
      </c>
    </row>
    <row r="45" spans="1:4" ht="18" customHeight="1" x14ac:dyDescent="0.2">
      <c r="A45" s="13">
        <v>33</v>
      </c>
      <c r="B45" s="17">
        <v>2236</v>
      </c>
      <c r="C45" s="18">
        <v>2100</v>
      </c>
      <c r="D45" s="19">
        <v>4336</v>
      </c>
    </row>
    <row r="46" spans="1:4" ht="18" customHeight="1" x14ac:dyDescent="0.2">
      <c r="A46" s="13">
        <v>34</v>
      </c>
      <c r="B46" s="17">
        <v>2299</v>
      </c>
      <c r="C46" s="18">
        <v>2166</v>
      </c>
      <c r="D46" s="19">
        <v>4465</v>
      </c>
    </row>
    <row r="47" spans="1:4" ht="18" customHeight="1" x14ac:dyDescent="0.2">
      <c r="A47" s="13" t="s">
        <v>13</v>
      </c>
      <c r="B47" s="17">
        <v>11020</v>
      </c>
      <c r="C47" s="18">
        <v>10021</v>
      </c>
      <c r="D47" s="19">
        <v>21041</v>
      </c>
    </row>
    <row r="48" spans="1:4" ht="18" customHeight="1" x14ac:dyDescent="0.2">
      <c r="A48" s="13">
        <v>35</v>
      </c>
      <c r="B48" s="17">
        <v>2438</v>
      </c>
      <c r="C48" s="18">
        <v>2262</v>
      </c>
      <c r="D48" s="19">
        <v>4700</v>
      </c>
    </row>
    <row r="49" spans="1:4" ht="18" customHeight="1" x14ac:dyDescent="0.2">
      <c r="A49" s="13">
        <v>36</v>
      </c>
      <c r="B49" s="17">
        <v>2438</v>
      </c>
      <c r="C49" s="18">
        <v>2233</v>
      </c>
      <c r="D49" s="19">
        <v>4671</v>
      </c>
    </row>
    <row r="50" spans="1:4" ht="18" customHeight="1" x14ac:dyDescent="0.2">
      <c r="A50" s="13">
        <v>37</v>
      </c>
      <c r="B50" s="17">
        <v>2448</v>
      </c>
      <c r="C50" s="18">
        <v>2177</v>
      </c>
      <c r="D50" s="19">
        <v>4625</v>
      </c>
    </row>
    <row r="51" spans="1:4" ht="18" customHeight="1" x14ac:dyDescent="0.2">
      <c r="A51" s="13">
        <v>38</v>
      </c>
      <c r="B51" s="17">
        <v>2439</v>
      </c>
      <c r="C51" s="18">
        <v>2396</v>
      </c>
      <c r="D51" s="19">
        <v>4835</v>
      </c>
    </row>
    <row r="52" spans="1:4" ht="18" customHeight="1" x14ac:dyDescent="0.2">
      <c r="A52" s="13">
        <v>39</v>
      </c>
      <c r="B52" s="17">
        <v>2434</v>
      </c>
      <c r="C52" s="18">
        <v>2258</v>
      </c>
      <c r="D52" s="19">
        <v>4692</v>
      </c>
    </row>
    <row r="53" spans="1:4" ht="18" customHeight="1" x14ac:dyDescent="0.2">
      <c r="A53" s="13" t="s">
        <v>14</v>
      </c>
      <c r="B53" s="17">
        <v>12197</v>
      </c>
      <c r="C53" s="18">
        <v>11326</v>
      </c>
      <c r="D53" s="19">
        <v>23523</v>
      </c>
    </row>
    <row r="54" spans="1:4" ht="18" customHeight="1" x14ac:dyDescent="0.2">
      <c r="A54" s="13">
        <v>40</v>
      </c>
      <c r="B54" s="17">
        <v>2615</v>
      </c>
      <c r="C54" s="18">
        <v>2467</v>
      </c>
      <c r="D54" s="19">
        <v>5082</v>
      </c>
    </row>
    <row r="55" spans="1:4" ht="18" customHeight="1" x14ac:dyDescent="0.2">
      <c r="A55" s="13">
        <v>41</v>
      </c>
      <c r="B55" s="17">
        <v>2670</v>
      </c>
      <c r="C55" s="18">
        <v>2620</v>
      </c>
      <c r="D55" s="19">
        <v>5290</v>
      </c>
    </row>
    <row r="56" spans="1:4" ht="18" customHeight="1" x14ac:dyDescent="0.2">
      <c r="A56" s="13">
        <v>42</v>
      </c>
      <c r="B56" s="17">
        <v>3038</v>
      </c>
      <c r="C56" s="18">
        <v>2700</v>
      </c>
      <c r="D56" s="19">
        <v>5738</v>
      </c>
    </row>
    <row r="57" spans="1:4" ht="18" customHeight="1" x14ac:dyDescent="0.2">
      <c r="A57" s="13">
        <v>43</v>
      </c>
      <c r="B57" s="17">
        <v>2973</v>
      </c>
      <c r="C57" s="18">
        <v>2818</v>
      </c>
      <c r="D57" s="19">
        <v>5791</v>
      </c>
    </row>
    <row r="58" spans="1:4" ht="18" customHeight="1" x14ac:dyDescent="0.2">
      <c r="A58" s="13">
        <v>44</v>
      </c>
      <c r="B58" s="17">
        <v>3216</v>
      </c>
      <c r="C58" s="18">
        <v>2985</v>
      </c>
      <c r="D58" s="19">
        <v>6201</v>
      </c>
    </row>
    <row r="59" spans="1:4" ht="18" customHeight="1" x14ac:dyDescent="0.2">
      <c r="A59" s="13" t="s">
        <v>15</v>
      </c>
      <c r="B59" s="17">
        <v>14512</v>
      </c>
      <c r="C59" s="18">
        <v>13590</v>
      </c>
      <c r="D59" s="19">
        <v>28102</v>
      </c>
    </row>
    <row r="60" spans="1:4" ht="18" customHeight="1" x14ac:dyDescent="0.2">
      <c r="A60" s="13">
        <v>45</v>
      </c>
      <c r="B60" s="17">
        <v>3395</v>
      </c>
      <c r="C60" s="18">
        <v>3323</v>
      </c>
      <c r="D60" s="19">
        <v>6718</v>
      </c>
    </row>
    <row r="61" spans="1:4" ht="18" customHeight="1" x14ac:dyDescent="0.2">
      <c r="A61" s="13">
        <v>46</v>
      </c>
      <c r="B61" s="17">
        <v>3494</v>
      </c>
      <c r="C61" s="18">
        <v>3398</v>
      </c>
      <c r="D61" s="19">
        <v>6892</v>
      </c>
    </row>
    <row r="62" spans="1:4" ht="18" customHeight="1" x14ac:dyDescent="0.2">
      <c r="A62" s="13">
        <v>47</v>
      </c>
      <c r="B62" s="17">
        <v>3578</v>
      </c>
      <c r="C62" s="18">
        <v>3425</v>
      </c>
      <c r="D62" s="19">
        <v>7003</v>
      </c>
    </row>
    <row r="63" spans="1:4" ht="18" customHeight="1" x14ac:dyDescent="0.2">
      <c r="A63" s="13">
        <v>48</v>
      </c>
      <c r="B63" s="17">
        <v>3502</v>
      </c>
      <c r="C63" s="18">
        <v>3280</v>
      </c>
      <c r="D63" s="19">
        <v>6782</v>
      </c>
    </row>
    <row r="64" spans="1:4" ht="18" customHeight="1" x14ac:dyDescent="0.2">
      <c r="A64" s="13">
        <v>49</v>
      </c>
      <c r="B64" s="17">
        <v>3237</v>
      </c>
      <c r="C64" s="18">
        <v>3162</v>
      </c>
      <c r="D64" s="19">
        <v>6399</v>
      </c>
    </row>
    <row r="65" spans="1:4" ht="18" customHeight="1" x14ac:dyDescent="0.2">
      <c r="A65" s="13" t="s">
        <v>16</v>
      </c>
      <c r="B65" s="17">
        <v>17206</v>
      </c>
      <c r="C65" s="18">
        <v>16588</v>
      </c>
      <c r="D65" s="19">
        <v>33794</v>
      </c>
    </row>
    <row r="66" spans="1:4" ht="18" customHeight="1" x14ac:dyDescent="0.2">
      <c r="A66" s="13">
        <v>50</v>
      </c>
      <c r="B66" s="17">
        <v>3133</v>
      </c>
      <c r="C66" s="18">
        <v>2904</v>
      </c>
      <c r="D66" s="19">
        <v>6037</v>
      </c>
    </row>
    <row r="67" spans="1:4" ht="18" customHeight="1" x14ac:dyDescent="0.2">
      <c r="A67" s="13">
        <v>51</v>
      </c>
      <c r="B67" s="17">
        <v>3111</v>
      </c>
      <c r="C67" s="18">
        <v>2890</v>
      </c>
      <c r="D67" s="19">
        <v>6001</v>
      </c>
    </row>
    <row r="68" spans="1:4" ht="18" customHeight="1" x14ac:dyDescent="0.2">
      <c r="A68" s="13">
        <v>52</v>
      </c>
      <c r="B68" s="17">
        <v>2876</v>
      </c>
      <c r="C68" s="18">
        <v>2844</v>
      </c>
      <c r="D68" s="19">
        <v>5720</v>
      </c>
    </row>
    <row r="69" spans="1:4" ht="18" customHeight="1" x14ac:dyDescent="0.2">
      <c r="A69" s="13">
        <v>53</v>
      </c>
      <c r="B69" s="17">
        <v>2696</v>
      </c>
      <c r="C69" s="18">
        <v>2679</v>
      </c>
      <c r="D69" s="19">
        <v>5375</v>
      </c>
    </row>
    <row r="70" spans="1:4" ht="18" customHeight="1" x14ac:dyDescent="0.2">
      <c r="A70" s="13">
        <v>54</v>
      </c>
      <c r="B70" s="17">
        <v>2295</v>
      </c>
      <c r="C70" s="18">
        <v>2402</v>
      </c>
      <c r="D70" s="19">
        <v>4697</v>
      </c>
    </row>
    <row r="71" spans="1:4" ht="18" customHeight="1" x14ac:dyDescent="0.2">
      <c r="A71" s="13" t="s">
        <v>17</v>
      </c>
      <c r="B71" s="17">
        <v>14111</v>
      </c>
      <c r="C71" s="18">
        <v>13719</v>
      </c>
      <c r="D71" s="19">
        <v>27830</v>
      </c>
    </row>
    <row r="72" spans="1:4" ht="18" customHeight="1" x14ac:dyDescent="0.2">
      <c r="A72" s="13">
        <v>55</v>
      </c>
      <c r="B72" s="17">
        <v>2614</v>
      </c>
      <c r="C72" s="18">
        <v>2673</v>
      </c>
      <c r="D72" s="19">
        <v>5287</v>
      </c>
    </row>
    <row r="73" spans="1:4" ht="18" customHeight="1" x14ac:dyDescent="0.2">
      <c r="A73" s="13">
        <v>56</v>
      </c>
      <c r="B73" s="17">
        <v>2561</v>
      </c>
      <c r="C73" s="18">
        <v>2484</v>
      </c>
      <c r="D73" s="19">
        <v>5045</v>
      </c>
    </row>
    <row r="74" spans="1:4" ht="18" customHeight="1" x14ac:dyDescent="0.2">
      <c r="A74" s="13">
        <v>57</v>
      </c>
      <c r="B74" s="17">
        <v>2525</v>
      </c>
      <c r="C74" s="18">
        <v>2544</v>
      </c>
      <c r="D74" s="19">
        <v>5069</v>
      </c>
    </row>
    <row r="75" spans="1:4" ht="18" customHeight="1" x14ac:dyDescent="0.2">
      <c r="A75" s="13">
        <v>58</v>
      </c>
      <c r="B75" s="17">
        <v>2295</v>
      </c>
      <c r="C75" s="18">
        <v>2273</v>
      </c>
      <c r="D75" s="19">
        <v>4568</v>
      </c>
    </row>
    <row r="76" spans="1:4" ht="18" customHeight="1" x14ac:dyDescent="0.2">
      <c r="A76" s="13">
        <v>59</v>
      </c>
      <c r="B76" s="17">
        <v>2299</v>
      </c>
      <c r="C76" s="18">
        <v>2479</v>
      </c>
      <c r="D76" s="19">
        <v>4778</v>
      </c>
    </row>
    <row r="77" spans="1:4" ht="18" customHeight="1" x14ac:dyDescent="0.2">
      <c r="A77" s="13" t="s">
        <v>18</v>
      </c>
      <c r="B77" s="17">
        <v>12294</v>
      </c>
      <c r="C77" s="18">
        <v>12453</v>
      </c>
      <c r="D77" s="19">
        <v>24747</v>
      </c>
    </row>
    <row r="78" spans="1:4" ht="18" customHeight="1" x14ac:dyDescent="0.2">
      <c r="A78" s="13">
        <v>60</v>
      </c>
      <c r="B78" s="17">
        <v>2323</v>
      </c>
      <c r="C78" s="18">
        <v>2381</v>
      </c>
      <c r="D78" s="19">
        <v>4704</v>
      </c>
    </row>
    <row r="79" spans="1:4" ht="18" customHeight="1" x14ac:dyDescent="0.2">
      <c r="A79" s="13">
        <v>61</v>
      </c>
      <c r="B79" s="17">
        <v>2373</v>
      </c>
      <c r="C79" s="18">
        <v>2522</v>
      </c>
      <c r="D79" s="19">
        <v>4895</v>
      </c>
    </row>
    <row r="80" spans="1:4" ht="18" customHeight="1" x14ac:dyDescent="0.2">
      <c r="A80" s="13">
        <v>62</v>
      </c>
      <c r="B80" s="17">
        <v>2265</v>
      </c>
      <c r="C80" s="18">
        <v>2297</v>
      </c>
      <c r="D80" s="19">
        <v>4562</v>
      </c>
    </row>
    <row r="81" spans="1:4" ht="18" customHeight="1" x14ac:dyDescent="0.2">
      <c r="A81" s="13">
        <v>63</v>
      </c>
      <c r="B81" s="17">
        <v>2221</v>
      </c>
      <c r="C81" s="18">
        <v>2308</v>
      </c>
      <c r="D81" s="19">
        <v>4529</v>
      </c>
    </row>
    <row r="82" spans="1:4" ht="18" customHeight="1" x14ac:dyDescent="0.2">
      <c r="A82" s="13">
        <v>64</v>
      </c>
      <c r="B82" s="17">
        <v>2320</v>
      </c>
      <c r="C82" s="18">
        <v>2522</v>
      </c>
      <c r="D82" s="19">
        <v>4842</v>
      </c>
    </row>
    <row r="83" spans="1:4" ht="18" customHeight="1" x14ac:dyDescent="0.2">
      <c r="A83" s="13" t="s">
        <v>19</v>
      </c>
      <c r="B83" s="17">
        <v>11502</v>
      </c>
      <c r="C83" s="18">
        <v>12030</v>
      </c>
      <c r="D83" s="19">
        <v>23532</v>
      </c>
    </row>
    <row r="84" spans="1:4" ht="18" customHeight="1" x14ac:dyDescent="0.2">
      <c r="A84" s="13" t="s">
        <v>20</v>
      </c>
      <c r="B84" s="17">
        <v>124159</v>
      </c>
      <c r="C84" s="18">
        <v>117848</v>
      </c>
      <c r="D84" s="19">
        <v>242007</v>
      </c>
    </row>
    <row r="85" spans="1:4" ht="18" customHeight="1" x14ac:dyDescent="0.2">
      <c r="A85" s="13">
        <v>65</v>
      </c>
      <c r="B85" s="17">
        <v>2520</v>
      </c>
      <c r="C85" s="18">
        <v>2686</v>
      </c>
      <c r="D85" s="19">
        <v>5206</v>
      </c>
    </row>
    <row r="86" spans="1:4" ht="18" customHeight="1" x14ac:dyDescent="0.2">
      <c r="A86" s="13">
        <v>66</v>
      </c>
      <c r="B86" s="17">
        <v>2471</v>
      </c>
      <c r="C86" s="18">
        <v>2609</v>
      </c>
      <c r="D86" s="19">
        <v>5080</v>
      </c>
    </row>
    <row r="87" spans="1:4" ht="18" customHeight="1" x14ac:dyDescent="0.2">
      <c r="A87" s="13">
        <v>67</v>
      </c>
      <c r="B87" s="17">
        <v>2661</v>
      </c>
      <c r="C87" s="18">
        <v>2846</v>
      </c>
      <c r="D87" s="19">
        <v>5507</v>
      </c>
    </row>
    <row r="88" spans="1:4" ht="18" customHeight="1" x14ac:dyDescent="0.2">
      <c r="A88" s="13">
        <v>68</v>
      </c>
      <c r="B88" s="17">
        <v>2643</v>
      </c>
      <c r="C88" s="18">
        <v>2842</v>
      </c>
      <c r="D88" s="19">
        <v>5485</v>
      </c>
    </row>
    <row r="89" spans="1:4" ht="18" customHeight="1" x14ac:dyDescent="0.2">
      <c r="A89" s="13">
        <v>69</v>
      </c>
      <c r="B89" s="17">
        <v>2862</v>
      </c>
      <c r="C89" s="18">
        <v>3122</v>
      </c>
      <c r="D89" s="19">
        <v>5984</v>
      </c>
    </row>
    <row r="90" spans="1:4" ht="18" customHeight="1" x14ac:dyDescent="0.2">
      <c r="A90" s="13" t="s">
        <v>21</v>
      </c>
      <c r="B90" s="17">
        <v>13157</v>
      </c>
      <c r="C90" s="18">
        <v>14105</v>
      </c>
      <c r="D90" s="19">
        <v>27262</v>
      </c>
    </row>
    <row r="91" spans="1:4" ht="18" customHeight="1" x14ac:dyDescent="0.2">
      <c r="A91" s="13">
        <v>70</v>
      </c>
      <c r="B91" s="17">
        <v>3161</v>
      </c>
      <c r="C91" s="18">
        <v>3552</v>
      </c>
      <c r="D91" s="19">
        <v>6713</v>
      </c>
    </row>
    <row r="92" spans="1:4" ht="18" customHeight="1" x14ac:dyDescent="0.2">
      <c r="A92" s="13">
        <v>71</v>
      </c>
      <c r="B92" s="17">
        <v>3511</v>
      </c>
      <c r="C92" s="18">
        <v>3815</v>
      </c>
      <c r="D92" s="19">
        <v>7326</v>
      </c>
    </row>
    <row r="93" spans="1:4" ht="18" customHeight="1" x14ac:dyDescent="0.2">
      <c r="A93" s="13">
        <v>72</v>
      </c>
      <c r="B93" s="17">
        <v>3415</v>
      </c>
      <c r="C93" s="18">
        <v>3925</v>
      </c>
      <c r="D93" s="19">
        <v>7340</v>
      </c>
    </row>
    <row r="94" spans="1:4" ht="18" customHeight="1" x14ac:dyDescent="0.2">
      <c r="A94" s="13">
        <v>73</v>
      </c>
      <c r="B94" s="17">
        <v>3167</v>
      </c>
      <c r="C94" s="18">
        <v>3755</v>
      </c>
      <c r="D94" s="19">
        <v>6922</v>
      </c>
    </row>
    <row r="95" spans="1:4" ht="18" customHeight="1" x14ac:dyDescent="0.2">
      <c r="A95" s="13">
        <v>74</v>
      </c>
      <c r="B95" s="17">
        <v>1669</v>
      </c>
      <c r="C95" s="18">
        <v>1915</v>
      </c>
      <c r="D95" s="19">
        <v>3584</v>
      </c>
    </row>
    <row r="96" spans="1:4" ht="18" customHeight="1" x14ac:dyDescent="0.2">
      <c r="A96" s="13" t="s">
        <v>22</v>
      </c>
      <c r="B96" s="17">
        <v>14923</v>
      </c>
      <c r="C96" s="18">
        <v>16962</v>
      </c>
      <c r="D96" s="19">
        <v>31885</v>
      </c>
    </row>
    <row r="97" spans="1:4" ht="18" customHeight="1" x14ac:dyDescent="0.2">
      <c r="A97" s="13">
        <v>75</v>
      </c>
      <c r="B97" s="17">
        <v>2101</v>
      </c>
      <c r="C97" s="18">
        <v>2574</v>
      </c>
      <c r="D97" s="19">
        <v>4675</v>
      </c>
    </row>
    <row r="98" spans="1:4" ht="18" customHeight="1" x14ac:dyDescent="0.2">
      <c r="A98" s="13">
        <v>76</v>
      </c>
      <c r="B98" s="17">
        <v>2398</v>
      </c>
      <c r="C98" s="18">
        <v>3086</v>
      </c>
      <c r="D98" s="19">
        <v>5484</v>
      </c>
    </row>
    <row r="99" spans="1:4" ht="18" customHeight="1" x14ac:dyDescent="0.2">
      <c r="A99" s="13">
        <v>77</v>
      </c>
      <c r="B99" s="17">
        <v>2176</v>
      </c>
      <c r="C99" s="18">
        <v>2759</v>
      </c>
      <c r="D99" s="19">
        <v>4935</v>
      </c>
    </row>
    <row r="100" spans="1:4" ht="18" customHeight="1" x14ac:dyDescent="0.2">
      <c r="A100" s="13">
        <v>78</v>
      </c>
      <c r="B100" s="17">
        <v>2360</v>
      </c>
      <c r="C100" s="18">
        <v>3034</v>
      </c>
      <c r="D100" s="19">
        <v>5394</v>
      </c>
    </row>
    <row r="101" spans="1:4" ht="18" customHeight="1" x14ac:dyDescent="0.2">
      <c r="A101" s="13">
        <v>79</v>
      </c>
      <c r="B101" s="17">
        <v>2004</v>
      </c>
      <c r="C101" s="18">
        <v>2523</v>
      </c>
      <c r="D101" s="19">
        <v>4527</v>
      </c>
    </row>
    <row r="102" spans="1:4" ht="18" customHeight="1" x14ac:dyDescent="0.2">
      <c r="A102" s="13" t="s">
        <v>23</v>
      </c>
      <c r="B102" s="17">
        <v>11039</v>
      </c>
      <c r="C102" s="18">
        <v>13976</v>
      </c>
      <c r="D102" s="19">
        <v>25015</v>
      </c>
    </row>
    <row r="103" spans="1:4" ht="18" customHeight="1" x14ac:dyDescent="0.2">
      <c r="A103" s="13">
        <v>80</v>
      </c>
      <c r="B103" s="17">
        <v>1742</v>
      </c>
      <c r="C103" s="18">
        <v>2294</v>
      </c>
      <c r="D103" s="19">
        <v>4036</v>
      </c>
    </row>
    <row r="104" spans="1:4" ht="18" customHeight="1" x14ac:dyDescent="0.2">
      <c r="A104" s="13">
        <v>81</v>
      </c>
      <c r="B104" s="17">
        <v>1350</v>
      </c>
      <c r="C104" s="18">
        <v>1875</v>
      </c>
      <c r="D104" s="19">
        <v>3225</v>
      </c>
    </row>
    <row r="105" spans="1:4" ht="18" customHeight="1" x14ac:dyDescent="0.2">
      <c r="A105" s="13">
        <v>82</v>
      </c>
      <c r="B105" s="17">
        <v>1433</v>
      </c>
      <c r="C105" s="18">
        <v>2099</v>
      </c>
      <c r="D105" s="19">
        <v>3532</v>
      </c>
    </row>
    <row r="106" spans="1:4" ht="18" customHeight="1" x14ac:dyDescent="0.2">
      <c r="A106" s="13">
        <v>83</v>
      </c>
      <c r="B106" s="17">
        <v>1366</v>
      </c>
      <c r="C106" s="18">
        <v>2101</v>
      </c>
      <c r="D106" s="19">
        <v>3467</v>
      </c>
    </row>
    <row r="107" spans="1:4" ht="18" customHeight="1" x14ac:dyDescent="0.2">
      <c r="A107" s="13">
        <v>84</v>
      </c>
      <c r="B107" s="17">
        <v>1341</v>
      </c>
      <c r="C107" s="18">
        <v>2319</v>
      </c>
      <c r="D107" s="19">
        <v>3660</v>
      </c>
    </row>
    <row r="108" spans="1:4" ht="18" customHeight="1" x14ac:dyDescent="0.2">
      <c r="A108" s="13" t="s">
        <v>24</v>
      </c>
      <c r="B108" s="17">
        <v>7232</v>
      </c>
      <c r="C108" s="18">
        <v>10688</v>
      </c>
      <c r="D108" s="19">
        <v>17920</v>
      </c>
    </row>
    <row r="109" spans="1:4" ht="18" customHeight="1" x14ac:dyDescent="0.2">
      <c r="A109" s="13">
        <v>85</v>
      </c>
      <c r="B109" s="17">
        <v>1058</v>
      </c>
      <c r="C109" s="18">
        <v>1680</v>
      </c>
      <c r="D109" s="19">
        <v>2738</v>
      </c>
    </row>
    <row r="110" spans="1:4" ht="18" customHeight="1" x14ac:dyDescent="0.2">
      <c r="A110" s="13">
        <v>86</v>
      </c>
      <c r="B110" s="17">
        <v>1000</v>
      </c>
      <c r="C110" s="18">
        <v>1847</v>
      </c>
      <c r="D110" s="19">
        <v>2847</v>
      </c>
    </row>
    <row r="111" spans="1:4" ht="18" customHeight="1" x14ac:dyDescent="0.2">
      <c r="A111" s="13">
        <v>87</v>
      </c>
      <c r="B111" s="17">
        <v>868</v>
      </c>
      <c r="C111" s="18">
        <v>1842</v>
      </c>
      <c r="D111" s="19">
        <v>2710</v>
      </c>
    </row>
    <row r="112" spans="1:4" ht="18" customHeight="1" x14ac:dyDescent="0.2">
      <c r="A112" s="13">
        <v>88</v>
      </c>
      <c r="B112" s="17">
        <v>676</v>
      </c>
      <c r="C112" s="18">
        <v>1615</v>
      </c>
      <c r="D112" s="19">
        <v>2291</v>
      </c>
    </row>
    <row r="113" spans="1:4" ht="18" customHeight="1" x14ac:dyDescent="0.2">
      <c r="A113" s="13">
        <v>89</v>
      </c>
      <c r="B113" s="17">
        <v>600</v>
      </c>
      <c r="C113" s="18">
        <v>1400</v>
      </c>
      <c r="D113" s="19">
        <v>2000</v>
      </c>
    </row>
    <row r="114" spans="1:4" ht="18" customHeight="1" x14ac:dyDescent="0.2">
      <c r="A114" s="13" t="s">
        <v>25</v>
      </c>
      <c r="B114" s="17">
        <v>4202</v>
      </c>
      <c r="C114" s="18">
        <v>8384</v>
      </c>
      <c r="D114" s="19">
        <v>12586</v>
      </c>
    </row>
    <row r="115" spans="1:4" ht="18" customHeight="1" x14ac:dyDescent="0.2">
      <c r="A115" s="13">
        <v>90</v>
      </c>
      <c r="B115" s="17">
        <v>513</v>
      </c>
      <c r="C115" s="18">
        <v>1202</v>
      </c>
      <c r="D115" s="19">
        <v>1715</v>
      </c>
    </row>
    <row r="116" spans="1:4" ht="18" customHeight="1" x14ac:dyDescent="0.2">
      <c r="A116" s="13">
        <v>91</v>
      </c>
      <c r="B116" s="17">
        <v>416</v>
      </c>
      <c r="C116" s="18">
        <v>1160</v>
      </c>
      <c r="D116" s="19">
        <v>1576</v>
      </c>
    </row>
    <row r="117" spans="1:4" ht="18" customHeight="1" x14ac:dyDescent="0.2">
      <c r="A117" s="13">
        <v>92</v>
      </c>
      <c r="B117" s="17">
        <v>320</v>
      </c>
      <c r="C117" s="18">
        <v>911</v>
      </c>
      <c r="D117" s="19">
        <v>1231</v>
      </c>
    </row>
    <row r="118" spans="1:4" ht="18" customHeight="1" x14ac:dyDescent="0.2">
      <c r="A118" s="13">
        <v>93</v>
      </c>
      <c r="B118" s="17">
        <v>261</v>
      </c>
      <c r="C118" s="18">
        <v>721</v>
      </c>
      <c r="D118" s="19">
        <v>982</v>
      </c>
    </row>
    <row r="119" spans="1:4" ht="18" customHeight="1" x14ac:dyDescent="0.2">
      <c r="A119" s="13">
        <v>94</v>
      </c>
      <c r="B119" s="17">
        <v>177</v>
      </c>
      <c r="C119" s="18">
        <v>653</v>
      </c>
      <c r="D119" s="19">
        <v>830</v>
      </c>
    </row>
    <row r="120" spans="1:4" ht="18" customHeight="1" x14ac:dyDescent="0.2">
      <c r="A120" s="13" t="s">
        <v>26</v>
      </c>
      <c r="B120" s="17">
        <v>1687</v>
      </c>
      <c r="C120" s="18">
        <v>4647</v>
      </c>
      <c r="D120" s="19">
        <v>6334</v>
      </c>
    </row>
    <row r="121" spans="1:4" ht="18" customHeight="1" x14ac:dyDescent="0.2">
      <c r="A121" s="13">
        <v>95</v>
      </c>
      <c r="B121" s="17">
        <v>134</v>
      </c>
      <c r="C121" s="18">
        <v>544</v>
      </c>
      <c r="D121" s="19">
        <v>678</v>
      </c>
    </row>
    <row r="122" spans="1:4" ht="18" customHeight="1" x14ac:dyDescent="0.2">
      <c r="A122" s="13">
        <v>96</v>
      </c>
      <c r="B122" s="17">
        <v>89</v>
      </c>
      <c r="C122" s="18">
        <v>380</v>
      </c>
      <c r="D122" s="19">
        <v>469</v>
      </c>
    </row>
    <row r="123" spans="1:4" ht="18" customHeight="1" x14ac:dyDescent="0.2">
      <c r="A123" s="13">
        <v>97</v>
      </c>
      <c r="B123" s="17">
        <v>62</v>
      </c>
      <c r="C123" s="18">
        <v>277</v>
      </c>
      <c r="D123" s="19">
        <v>339</v>
      </c>
    </row>
    <row r="124" spans="1:4" ht="18" customHeight="1" x14ac:dyDescent="0.2">
      <c r="A124" s="13">
        <v>98</v>
      </c>
      <c r="B124" s="17">
        <v>38</v>
      </c>
      <c r="C124" s="18">
        <v>248</v>
      </c>
      <c r="D124" s="19">
        <v>286</v>
      </c>
    </row>
    <row r="125" spans="1:4" ht="18" customHeight="1" x14ac:dyDescent="0.2">
      <c r="A125" s="13">
        <v>99</v>
      </c>
      <c r="B125" s="17">
        <v>18</v>
      </c>
      <c r="C125" s="18">
        <v>158</v>
      </c>
      <c r="D125" s="19">
        <v>176</v>
      </c>
    </row>
    <row r="126" spans="1:4" ht="18" customHeight="1" x14ac:dyDescent="0.2">
      <c r="A126" s="13" t="s">
        <v>27</v>
      </c>
      <c r="B126" s="17">
        <v>341</v>
      </c>
      <c r="C126" s="18">
        <v>1607</v>
      </c>
      <c r="D126" s="19">
        <v>1948</v>
      </c>
    </row>
    <row r="127" spans="1:4" ht="18" customHeight="1" x14ac:dyDescent="0.2">
      <c r="A127" s="13">
        <v>100</v>
      </c>
      <c r="B127" s="17">
        <v>18</v>
      </c>
      <c r="C127" s="18">
        <v>102</v>
      </c>
      <c r="D127" s="19">
        <v>120</v>
      </c>
    </row>
    <row r="128" spans="1:4" ht="18" customHeight="1" x14ac:dyDescent="0.2">
      <c r="A128" s="20" t="s">
        <v>28</v>
      </c>
      <c r="B128" s="17">
        <v>18</v>
      </c>
      <c r="C128" s="18">
        <v>147</v>
      </c>
      <c r="D128" s="19">
        <v>165</v>
      </c>
    </row>
    <row r="129" spans="1:4" ht="18" customHeight="1" x14ac:dyDescent="0.2">
      <c r="A129" s="13" t="s">
        <v>29</v>
      </c>
      <c r="B129" s="17">
        <v>36</v>
      </c>
      <c r="C129" s="18">
        <v>249</v>
      </c>
      <c r="D129" s="19">
        <v>285</v>
      </c>
    </row>
    <row r="130" spans="1:4" ht="18" customHeight="1" x14ac:dyDescent="0.2">
      <c r="A130" s="13" t="s">
        <v>30</v>
      </c>
      <c r="B130" s="21">
        <v>52617</v>
      </c>
      <c r="C130" s="22">
        <v>70618</v>
      </c>
      <c r="D130" s="23">
        <v>123235</v>
      </c>
    </row>
    <row r="131" spans="1:4" ht="18" customHeight="1" x14ac:dyDescent="0.2">
      <c r="A131" s="24" t="s">
        <v>31</v>
      </c>
      <c r="B131" s="25">
        <v>202169</v>
      </c>
      <c r="C131" s="26">
        <v>212536</v>
      </c>
      <c r="D131" s="27">
        <v>41470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7-02T02:33:52Z</dcterms:created>
  <dcterms:modified xsi:type="dcterms:W3CDTF">2020-07-02T02:33:53Z</dcterms:modified>
</cp:coreProperties>
</file>